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DC6DF2" w:rsidRDefault="00E638DE">
      <w:pPr>
        <w:rPr>
          <w:rFonts w:hint="cs"/>
        </w:rPr>
      </w:pPr>
      <w:bookmarkStart w:id="0" w:name="_GoBack"/>
      <w:r>
        <w:rPr>
          <w:rFonts w:cs="Arial"/>
          <w:noProof/>
          <w:rtl/>
        </w:rPr>
        <w:drawing>
          <wp:inline distT="0" distB="0" distL="0" distR="0">
            <wp:extent cx="5274310" cy="7258960"/>
            <wp:effectExtent l="0" t="0" r="2540" b="0"/>
            <wp:docPr id="1" name="תמונה 1" descr="C:\Users\s300\AppData\Local\Microsoft\Windows\Temporary Internet Files\Content.Outlook\DP0FGQ6D\kosman-ref (4)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300\AppData\Local\Microsoft\Windows\Temporary Internet Files\Content.Outlook\DP0FGQ6D\kosman-ref (4).jpg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4310" cy="72589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End w:id="0"/>
    </w:p>
    <w:sectPr w:rsidR="00DC6DF2" w:rsidSect="00A734EB">
      <w:pgSz w:w="11906" w:h="16838"/>
      <w:pgMar w:top="1440" w:right="1800" w:bottom="1440" w:left="1800" w:header="708" w:footer="708" w:gutter="0"/>
      <w:cols w:space="708"/>
      <w:bidi/>
      <w:rtlGutter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David">
    <w:panose1 w:val="020E0502060401010101"/>
    <w:charset w:val="B1"/>
    <w:family w:val="swiss"/>
    <w:pitch w:val="variable"/>
    <w:sig w:usb0="00000801" w:usb1="00000000" w:usb2="00000000" w:usb3="00000000" w:csb0="00000020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20"/>
  <w:doNotDisplayPageBoundaries/>
  <w:proofState w:spelling="clean" w:grammar="clean"/>
  <w:defaultTabStop w:val="720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E638DE"/>
    <w:rsid w:val="000110EE"/>
    <w:rsid w:val="000145C5"/>
    <w:rsid w:val="00021644"/>
    <w:rsid w:val="00032242"/>
    <w:rsid w:val="00033C0D"/>
    <w:rsid w:val="00034C6C"/>
    <w:rsid w:val="00035BF2"/>
    <w:rsid w:val="00043839"/>
    <w:rsid w:val="00061220"/>
    <w:rsid w:val="000704B2"/>
    <w:rsid w:val="00070F19"/>
    <w:rsid w:val="00073539"/>
    <w:rsid w:val="00073F0E"/>
    <w:rsid w:val="00074722"/>
    <w:rsid w:val="000828BD"/>
    <w:rsid w:val="00085C74"/>
    <w:rsid w:val="000B2032"/>
    <w:rsid w:val="000B3BF3"/>
    <w:rsid w:val="000C15B2"/>
    <w:rsid w:val="000C4D7F"/>
    <w:rsid w:val="000C712D"/>
    <w:rsid w:val="000D0F42"/>
    <w:rsid w:val="000D4605"/>
    <w:rsid w:val="000F44EE"/>
    <w:rsid w:val="000F568E"/>
    <w:rsid w:val="001056A7"/>
    <w:rsid w:val="00106943"/>
    <w:rsid w:val="00107E45"/>
    <w:rsid w:val="00112520"/>
    <w:rsid w:val="00122176"/>
    <w:rsid w:val="00124477"/>
    <w:rsid w:val="00125BFF"/>
    <w:rsid w:val="00131D56"/>
    <w:rsid w:val="00151B8B"/>
    <w:rsid w:val="0016205A"/>
    <w:rsid w:val="001646D2"/>
    <w:rsid w:val="0018398B"/>
    <w:rsid w:val="001852F6"/>
    <w:rsid w:val="00185C92"/>
    <w:rsid w:val="0019286D"/>
    <w:rsid w:val="0019535D"/>
    <w:rsid w:val="001A7423"/>
    <w:rsid w:val="001B2FC2"/>
    <w:rsid w:val="001B36EE"/>
    <w:rsid w:val="001B3F7F"/>
    <w:rsid w:val="001D0B42"/>
    <w:rsid w:val="001D5110"/>
    <w:rsid w:val="001E1475"/>
    <w:rsid w:val="001E23B4"/>
    <w:rsid w:val="001F45DA"/>
    <w:rsid w:val="002019B6"/>
    <w:rsid w:val="002077BC"/>
    <w:rsid w:val="00207B33"/>
    <w:rsid w:val="00230B46"/>
    <w:rsid w:val="00231787"/>
    <w:rsid w:val="002327C8"/>
    <w:rsid w:val="0023493B"/>
    <w:rsid w:val="00237420"/>
    <w:rsid w:val="00243943"/>
    <w:rsid w:val="00251240"/>
    <w:rsid w:val="00257E03"/>
    <w:rsid w:val="00257E3B"/>
    <w:rsid w:val="002842DC"/>
    <w:rsid w:val="0029339E"/>
    <w:rsid w:val="002A0D1F"/>
    <w:rsid w:val="002A0EB8"/>
    <w:rsid w:val="002B6C8D"/>
    <w:rsid w:val="002C2599"/>
    <w:rsid w:val="002D52D3"/>
    <w:rsid w:val="002F39EB"/>
    <w:rsid w:val="002F4B39"/>
    <w:rsid w:val="003071C6"/>
    <w:rsid w:val="00310431"/>
    <w:rsid w:val="003147E5"/>
    <w:rsid w:val="00317422"/>
    <w:rsid w:val="003239F9"/>
    <w:rsid w:val="003375C1"/>
    <w:rsid w:val="00345DD0"/>
    <w:rsid w:val="00347926"/>
    <w:rsid w:val="003506B6"/>
    <w:rsid w:val="00355029"/>
    <w:rsid w:val="00355A57"/>
    <w:rsid w:val="00373294"/>
    <w:rsid w:val="00374C5C"/>
    <w:rsid w:val="0039147A"/>
    <w:rsid w:val="00395650"/>
    <w:rsid w:val="003A753A"/>
    <w:rsid w:val="003B46FF"/>
    <w:rsid w:val="003C038A"/>
    <w:rsid w:val="003C4B53"/>
    <w:rsid w:val="003C643D"/>
    <w:rsid w:val="003D0FB7"/>
    <w:rsid w:val="003D2EE5"/>
    <w:rsid w:val="003D6E5C"/>
    <w:rsid w:val="003D6ED9"/>
    <w:rsid w:val="003F101A"/>
    <w:rsid w:val="003F215C"/>
    <w:rsid w:val="003F462E"/>
    <w:rsid w:val="003F5DB7"/>
    <w:rsid w:val="003F758A"/>
    <w:rsid w:val="004016E2"/>
    <w:rsid w:val="004021A8"/>
    <w:rsid w:val="00402CD8"/>
    <w:rsid w:val="00406E72"/>
    <w:rsid w:val="00407DB5"/>
    <w:rsid w:val="00414494"/>
    <w:rsid w:val="00431AEA"/>
    <w:rsid w:val="00431B73"/>
    <w:rsid w:val="004333F2"/>
    <w:rsid w:val="00434D8C"/>
    <w:rsid w:val="00437364"/>
    <w:rsid w:val="00442B0B"/>
    <w:rsid w:val="00444BBC"/>
    <w:rsid w:val="00446F93"/>
    <w:rsid w:val="00475F23"/>
    <w:rsid w:val="00483452"/>
    <w:rsid w:val="0048784D"/>
    <w:rsid w:val="00491F93"/>
    <w:rsid w:val="004A4ACD"/>
    <w:rsid w:val="004B3912"/>
    <w:rsid w:val="004B5F22"/>
    <w:rsid w:val="004C61A9"/>
    <w:rsid w:val="004C656D"/>
    <w:rsid w:val="004C7A9B"/>
    <w:rsid w:val="004E38C4"/>
    <w:rsid w:val="004E70D1"/>
    <w:rsid w:val="004F05E2"/>
    <w:rsid w:val="004F2B63"/>
    <w:rsid w:val="00503804"/>
    <w:rsid w:val="00504BC1"/>
    <w:rsid w:val="00505432"/>
    <w:rsid w:val="00516F45"/>
    <w:rsid w:val="00530762"/>
    <w:rsid w:val="00541503"/>
    <w:rsid w:val="0055438B"/>
    <w:rsid w:val="00560085"/>
    <w:rsid w:val="00565D46"/>
    <w:rsid w:val="00573496"/>
    <w:rsid w:val="0057422D"/>
    <w:rsid w:val="00575344"/>
    <w:rsid w:val="0058294A"/>
    <w:rsid w:val="005A6937"/>
    <w:rsid w:val="005D148E"/>
    <w:rsid w:val="005D4775"/>
    <w:rsid w:val="005E4FAB"/>
    <w:rsid w:val="005E6937"/>
    <w:rsid w:val="005F38C2"/>
    <w:rsid w:val="005F4E44"/>
    <w:rsid w:val="005F5F8A"/>
    <w:rsid w:val="006170E4"/>
    <w:rsid w:val="006259C3"/>
    <w:rsid w:val="00625B3E"/>
    <w:rsid w:val="006270E2"/>
    <w:rsid w:val="0063400C"/>
    <w:rsid w:val="00642EAC"/>
    <w:rsid w:val="00647A39"/>
    <w:rsid w:val="00657F76"/>
    <w:rsid w:val="00666FC8"/>
    <w:rsid w:val="006710C8"/>
    <w:rsid w:val="00673FC9"/>
    <w:rsid w:val="00676A5E"/>
    <w:rsid w:val="00684F0F"/>
    <w:rsid w:val="00684F2F"/>
    <w:rsid w:val="006861AE"/>
    <w:rsid w:val="0068716A"/>
    <w:rsid w:val="006A1AB1"/>
    <w:rsid w:val="006A6303"/>
    <w:rsid w:val="006B1069"/>
    <w:rsid w:val="006B452B"/>
    <w:rsid w:val="006E17B6"/>
    <w:rsid w:val="006E25AC"/>
    <w:rsid w:val="006F7336"/>
    <w:rsid w:val="007011B8"/>
    <w:rsid w:val="00713F7E"/>
    <w:rsid w:val="00714B62"/>
    <w:rsid w:val="00717C56"/>
    <w:rsid w:val="007413A2"/>
    <w:rsid w:val="007513A1"/>
    <w:rsid w:val="00751813"/>
    <w:rsid w:val="00762E04"/>
    <w:rsid w:val="0077513E"/>
    <w:rsid w:val="00777731"/>
    <w:rsid w:val="00785118"/>
    <w:rsid w:val="007856C9"/>
    <w:rsid w:val="00787D63"/>
    <w:rsid w:val="00790B7A"/>
    <w:rsid w:val="00791B8A"/>
    <w:rsid w:val="00792BF9"/>
    <w:rsid w:val="0079621E"/>
    <w:rsid w:val="007A0152"/>
    <w:rsid w:val="007A0ED6"/>
    <w:rsid w:val="007B005B"/>
    <w:rsid w:val="007C11C6"/>
    <w:rsid w:val="007C54C1"/>
    <w:rsid w:val="007D2A96"/>
    <w:rsid w:val="00810310"/>
    <w:rsid w:val="008103F2"/>
    <w:rsid w:val="00813FC7"/>
    <w:rsid w:val="00814AEB"/>
    <w:rsid w:val="00816487"/>
    <w:rsid w:val="0081793D"/>
    <w:rsid w:val="00822B49"/>
    <w:rsid w:val="008230D6"/>
    <w:rsid w:val="00826018"/>
    <w:rsid w:val="00845B20"/>
    <w:rsid w:val="008478B8"/>
    <w:rsid w:val="0085056A"/>
    <w:rsid w:val="00865E33"/>
    <w:rsid w:val="00866381"/>
    <w:rsid w:val="008700E5"/>
    <w:rsid w:val="0087063E"/>
    <w:rsid w:val="00871B9E"/>
    <w:rsid w:val="008732A4"/>
    <w:rsid w:val="00880105"/>
    <w:rsid w:val="008824F3"/>
    <w:rsid w:val="00883070"/>
    <w:rsid w:val="008853AC"/>
    <w:rsid w:val="00885998"/>
    <w:rsid w:val="008912FC"/>
    <w:rsid w:val="00894D07"/>
    <w:rsid w:val="008A2566"/>
    <w:rsid w:val="008A695D"/>
    <w:rsid w:val="008B3093"/>
    <w:rsid w:val="008C0722"/>
    <w:rsid w:val="008D12B7"/>
    <w:rsid w:val="008D497D"/>
    <w:rsid w:val="008E3851"/>
    <w:rsid w:val="00900DBC"/>
    <w:rsid w:val="00906C4A"/>
    <w:rsid w:val="00926FE2"/>
    <w:rsid w:val="00931598"/>
    <w:rsid w:val="00937A69"/>
    <w:rsid w:val="00946C97"/>
    <w:rsid w:val="00947D78"/>
    <w:rsid w:val="009514F6"/>
    <w:rsid w:val="009607F3"/>
    <w:rsid w:val="009615D6"/>
    <w:rsid w:val="009621CD"/>
    <w:rsid w:val="00964DDF"/>
    <w:rsid w:val="00972770"/>
    <w:rsid w:val="009739F0"/>
    <w:rsid w:val="009835C3"/>
    <w:rsid w:val="009A0FAF"/>
    <w:rsid w:val="009A47FC"/>
    <w:rsid w:val="009A5D0F"/>
    <w:rsid w:val="009B2357"/>
    <w:rsid w:val="009B7649"/>
    <w:rsid w:val="009C59D4"/>
    <w:rsid w:val="009D31FA"/>
    <w:rsid w:val="009E74C1"/>
    <w:rsid w:val="00A01BF7"/>
    <w:rsid w:val="00A02015"/>
    <w:rsid w:val="00A0234D"/>
    <w:rsid w:val="00A03AB9"/>
    <w:rsid w:val="00A0718B"/>
    <w:rsid w:val="00A22D99"/>
    <w:rsid w:val="00A57E28"/>
    <w:rsid w:val="00A60749"/>
    <w:rsid w:val="00A65908"/>
    <w:rsid w:val="00A734EB"/>
    <w:rsid w:val="00A8308D"/>
    <w:rsid w:val="00A9558F"/>
    <w:rsid w:val="00AA33C0"/>
    <w:rsid w:val="00AC1A72"/>
    <w:rsid w:val="00AC26A6"/>
    <w:rsid w:val="00AE7F82"/>
    <w:rsid w:val="00B113EE"/>
    <w:rsid w:val="00B25882"/>
    <w:rsid w:val="00B32EFF"/>
    <w:rsid w:val="00B4093A"/>
    <w:rsid w:val="00B43841"/>
    <w:rsid w:val="00B43E2E"/>
    <w:rsid w:val="00B46495"/>
    <w:rsid w:val="00B510E7"/>
    <w:rsid w:val="00B66BE3"/>
    <w:rsid w:val="00B70078"/>
    <w:rsid w:val="00B70305"/>
    <w:rsid w:val="00B750DA"/>
    <w:rsid w:val="00B80C5F"/>
    <w:rsid w:val="00B8197E"/>
    <w:rsid w:val="00B95A9D"/>
    <w:rsid w:val="00BA3E0D"/>
    <w:rsid w:val="00BB4AD4"/>
    <w:rsid w:val="00BC33E4"/>
    <w:rsid w:val="00BC3CDC"/>
    <w:rsid w:val="00BC5B6F"/>
    <w:rsid w:val="00BD0034"/>
    <w:rsid w:val="00BD28F3"/>
    <w:rsid w:val="00BD4608"/>
    <w:rsid w:val="00BD7977"/>
    <w:rsid w:val="00BE2335"/>
    <w:rsid w:val="00BE4A5A"/>
    <w:rsid w:val="00BE622A"/>
    <w:rsid w:val="00BF0433"/>
    <w:rsid w:val="00BF3D03"/>
    <w:rsid w:val="00BF473E"/>
    <w:rsid w:val="00C07B11"/>
    <w:rsid w:val="00C12107"/>
    <w:rsid w:val="00C23F67"/>
    <w:rsid w:val="00C305B9"/>
    <w:rsid w:val="00C3379E"/>
    <w:rsid w:val="00C40CDC"/>
    <w:rsid w:val="00C4173B"/>
    <w:rsid w:val="00C46961"/>
    <w:rsid w:val="00C51BFC"/>
    <w:rsid w:val="00C61CAE"/>
    <w:rsid w:val="00C6390E"/>
    <w:rsid w:val="00C644C5"/>
    <w:rsid w:val="00C72EA1"/>
    <w:rsid w:val="00C730C1"/>
    <w:rsid w:val="00C81E64"/>
    <w:rsid w:val="00C870A4"/>
    <w:rsid w:val="00C9431B"/>
    <w:rsid w:val="00CA0894"/>
    <w:rsid w:val="00CA3E16"/>
    <w:rsid w:val="00CB5C8E"/>
    <w:rsid w:val="00CC53A4"/>
    <w:rsid w:val="00CC6A9D"/>
    <w:rsid w:val="00CF03A1"/>
    <w:rsid w:val="00CF13B6"/>
    <w:rsid w:val="00CF53AB"/>
    <w:rsid w:val="00CF71C9"/>
    <w:rsid w:val="00D037EC"/>
    <w:rsid w:val="00D0412C"/>
    <w:rsid w:val="00D11E92"/>
    <w:rsid w:val="00D14E19"/>
    <w:rsid w:val="00D17388"/>
    <w:rsid w:val="00D22003"/>
    <w:rsid w:val="00D26DFF"/>
    <w:rsid w:val="00D35E35"/>
    <w:rsid w:val="00D44C44"/>
    <w:rsid w:val="00D7083B"/>
    <w:rsid w:val="00D85588"/>
    <w:rsid w:val="00DB2C26"/>
    <w:rsid w:val="00DB5116"/>
    <w:rsid w:val="00DC0136"/>
    <w:rsid w:val="00DC3D46"/>
    <w:rsid w:val="00DC6DF2"/>
    <w:rsid w:val="00DD0043"/>
    <w:rsid w:val="00DD72A1"/>
    <w:rsid w:val="00DE0F1A"/>
    <w:rsid w:val="00E032AA"/>
    <w:rsid w:val="00E05E33"/>
    <w:rsid w:val="00E06748"/>
    <w:rsid w:val="00E17E3C"/>
    <w:rsid w:val="00E205E7"/>
    <w:rsid w:val="00E37469"/>
    <w:rsid w:val="00E50398"/>
    <w:rsid w:val="00E510CE"/>
    <w:rsid w:val="00E524F0"/>
    <w:rsid w:val="00E638DE"/>
    <w:rsid w:val="00E65CD9"/>
    <w:rsid w:val="00E66275"/>
    <w:rsid w:val="00E732D7"/>
    <w:rsid w:val="00E74ABC"/>
    <w:rsid w:val="00E7545C"/>
    <w:rsid w:val="00E868C1"/>
    <w:rsid w:val="00E96061"/>
    <w:rsid w:val="00E97587"/>
    <w:rsid w:val="00E97BCA"/>
    <w:rsid w:val="00EA1F25"/>
    <w:rsid w:val="00EA335A"/>
    <w:rsid w:val="00EA5848"/>
    <w:rsid w:val="00EB17C4"/>
    <w:rsid w:val="00EC1BF5"/>
    <w:rsid w:val="00EC4B59"/>
    <w:rsid w:val="00EC6066"/>
    <w:rsid w:val="00ED3716"/>
    <w:rsid w:val="00ED4ECA"/>
    <w:rsid w:val="00EE06E3"/>
    <w:rsid w:val="00EE4B08"/>
    <w:rsid w:val="00EE7108"/>
    <w:rsid w:val="00F00A5E"/>
    <w:rsid w:val="00F242CF"/>
    <w:rsid w:val="00F34F66"/>
    <w:rsid w:val="00F41FA3"/>
    <w:rsid w:val="00F422FA"/>
    <w:rsid w:val="00F4752F"/>
    <w:rsid w:val="00F5459D"/>
    <w:rsid w:val="00F74887"/>
    <w:rsid w:val="00F75401"/>
    <w:rsid w:val="00F80184"/>
    <w:rsid w:val="00F816F0"/>
    <w:rsid w:val="00F82FF4"/>
    <w:rsid w:val="00F85873"/>
    <w:rsid w:val="00F90A0B"/>
    <w:rsid w:val="00FA00CA"/>
    <w:rsid w:val="00FA02DD"/>
    <w:rsid w:val="00FA4FFA"/>
    <w:rsid w:val="00FB0E5D"/>
    <w:rsid w:val="00FB3962"/>
    <w:rsid w:val="00FB71DC"/>
    <w:rsid w:val="00FD1F8E"/>
    <w:rsid w:val="00FD253D"/>
    <w:rsid w:val="00FD267C"/>
    <w:rsid w:val="00FE0060"/>
    <w:rsid w:val="00FE1A26"/>
    <w:rsid w:val="00FF718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bidi="he-IL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he-IL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rsid w:val="00865E33"/>
    <w:pPr>
      <w:bidi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customStyle="1" w:styleId="2">
    <w:name w:val="סגנון2"/>
    <w:basedOn w:val="a"/>
    <w:qFormat/>
    <w:rsid w:val="00865E33"/>
    <w:pPr>
      <w:bidi w:val="0"/>
      <w:spacing w:after="0" w:line="240" w:lineRule="auto"/>
      <w:jc w:val="both"/>
    </w:pPr>
    <w:rPr>
      <w:rFonts w:eastAsiaTheme="minorEastAsia" w:cs="David"/>
      <w:sz w:val="28"/>
      <w:szCs w:val="24"/>
    </w:rPr>
  </w:style>
  <w:style w:type="character" w:styleId="a3">
    <w:name w:val="Emphasis"/>
    <w:basedOn w:val="a0"/>
    <w:uiPriority w:val="20"/>
    <w:qFormat/>
    <w:rsid w:val="00865E33"/>
    <w:rPr>
      <w:i/>
      <w:iCs/>
    </w:rPr>
  </w:style>
  <w:style w:type="paragraph" w:styleId="a4">
    <w:name w:val="List Paragraph"/>
    <w:basedOn w:val="a"/>
    <w:uiPriority w:val="34"/>
    <w:qFormat/>
    <w:rsid w:val="00865E33"/>
    <w:pPr>
      <w:ind w:left="720"/>
      <w:contextualSpacing/>
    </w:pPr>
  </w:style>
  <w:style w:type="paragraph" w:styleId="a5">
    <w:name w:val="Quote"/>
    <w:basedOn w:val="a"/>
    <w:next w:val="a"/>
    <w:link w:val="a6"/>
    <w:uiPriority w:val="29"/>
    <w:qFormat/>
    <w:rsid w:val="00865E33"/>
    <w:rPr>
      <w:i/>
      <w:iCs/>
      <w:color w:val="000000" w:themeColor="text1"/>
    </w:rPr>
  </w:style>
  <w:style w:type="character" w:customStyle="1" w:styleId="a6">
    <w:name w:val="ציטוט תו"/>
    <w:basedOn w:val="a0"/>
    <w:link w:val="a5"/>
    <w:uiPriority w:val="29"/>
    <w:rsid w:val="00865E33"/>
    <w:rPr>
      <w:i/>
      <w:iCs/>
      <w:color w:val="000000" w:themeColor="text1"/>
    </w:rPr>
  </w:style>
  <w:style w:type="paragraph" w:styleId="a7">
    <w:name w:val="Balloon Text"/>
    <w:basedOn w:val="a"/>
    <w:link w:val="a8"/>
    <w:uiPriority w:val="99"/>
    <w:semiHidden/>
    <w:unhideWhenUsed/>
    <w:rsid w:val="00E638DE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a8">
    <w:name w:val="טקסט בלונים תו"/>
    <w:basedOn w:val="a0"/>
    <w:link w:val="a7"/>
    <w:uiPriority w:val="99"/>
    <w:semiHidden/>
    <w:rsid w:val="00E638DE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he-IL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rsid w:val="00865E33"/>
    <w:pPr>
      <w:bidi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customStyle="1" w:styleId="2">
    <w:name w:val="סגנון2"/>
    <w:basedOn w:val="a"/>
    <w:qFormat/>
    <w:rsid w:val="00865E33"/>
    <w:pPr>
      <w:bidi w:val="0"/>
      <w:spacing w:after="0" w:line="240" w:lineRule="auto"/>
      <w:jc w:val="both"/>
    </w:pPr>
    <w:rPr>
      <w:rFonts w:eastAsiaTheme="minorEastAsia" w:cs="David"/>
      <w:sz w:val="28"/>
      <w:szCs w:val="24"/>
    </w:rPr>
  </w:style>
  <w:style w:type="character" w:styleId="a3">
    <w:name w:val="Emphasis"/>
    <w:basedOn w:val="a0"/>
    <w:uiPriority w:val="20"/>
    <w:qFormat/>
    <w:rsid w:val="00865E33"/>
    <w:rPr>
      <w:i/>
      <w:iCs/>
    </w:rPr>
  </w:style>
  <w:style w:type="paragraph" w:styleId="a4">
    <w:name w:val="List Paragraph"/>
    <w:basedOn w:val="a"/>
    <w:uiPriority w:val="34"/>
    <w:qFormat/>
    <w:rsid w:val="00865E33"/>
    <w:pPr>
      <w:ind w:left="720"/>
      <w:contextualSpacing/>
    </w:pPr>
  </w:style>
  <w:style w:type="paragraph" w:styleId="a5">
    <w:name w:val="Quote"/>
    <w:basedOn w:val="a"/>
    <w:next w:val="a"/>
    <w:link w:val="a6"/>
    <w:uiPriority w:val="29"/>
    <w:qFormat/>
    <w:rsid w:val="00865E33"/>
    <w:rPr>
      <w:i/>
      <w:iCs/>
      <w:color w:val="000000" w:themeColor="text1"/>
    </w:rPr>
  </w:style>
  <w:style w:type="character" w:customStyle="1" w:styleId="a6">
    <w:name w:val="ציטוט תו"/>
    <w:basedOn w:val="a0"/>
    <w:link w:val="a5"/>
    <w:uiPriority w:val="29"/>
    <w:rsid w:val="00865E33"/>
    <w:rPr>
      <w:i/>
      <w:iCs/>
      <w:color w:val="000000" w:themeColor="text1"/>
    </w:rPr>
  </w:style>
  <w:style w:type="paragraph" w:styleId="a7">
    <w:name w:val="Balloon Text"/>
    <w:basedOn w:val="a"/>
    <w:link w:val="a8"/>
    <w:uiPriority w:val="99"/>
    <w:semiHidden/>
    <w:unhideWhenUsed/>
    <w:rsid w:val="00E638DE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a8">
    <w:name w:val="טקסט בלונים תו"/>
    <w:basedOn w:val="a0"/>
    <w:link w:val="a7"/>
    <w:uiPriority w:val="99"/>
    <w:semiHidden/>
    <w:rsid w:val="00E638DE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7" Type="http://schemas.openxmlformats.org/officeDocument/2006/relationships/theme" Target="theme/theme1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fontTable" Target="fontTable.xml"/><Relationship Id="rId5" Type="http://schemas.openxmlformats.org/officeDocument/2006/relationships/image" Target="media/image1.jpe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ערכת נושא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1</Pages>
  <Words>0</Words>
  <Characters>1</Characters>
  <Application>Microsoft Office Word</Application>
  <DocSecurity>0</DocSecurity>
  <Lines>1</Lines>
  <Paragraphs>1</Paragraphs>
  <ScaleCrop>false</ScaleCrop>
  <HeadingPairs>
    <vt:vector size="2" baseType="variant">
      <vt:variant>
        <vt:lpstr>שם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300</dc:creator>
  <cp:lastModifiedBy>s300</cp:lastModifiedBy>
  <cp:revision>1</cp:revision>
  <dcterms:created xsi:type="dcterms:W3CDTF">2014-08-10T06:19:00Z</dcterms:created>
  <dcterms:modified xsi:type="dcterms:W3CDTF">2014-08-10T06:20:00Z</dcterms:modified>
</cp:coreProperties>
</file>